
<file path=[Content_Types].xml><?xml version="1.0" encoding="utf-8"?>
<Types xmlns="http://schemas.openxmlformats.org/package/2006/content-types">
  <Default Extension="emf" ContentType="image/x-emf"/>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5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jp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jp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ijme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B2E361B-CDE1-DF23-5A71-BAD7B28D804D}"/>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69779" y="4856899"/>
            <a:ext cx="2335296" cy="181219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6246A97-D66C-B4ED-261F-10365B53C29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31929" y="4152208"/>
            <a:ext cx="1610895" cy="125005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1-26T12:17:48Z</dcterms:modified>
</cp:coreProperties>
</file>